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7" rupBuild="14420"/>
  <workbookPr filterPrivacy="1"/>
  <bookViews>
    <workbookView xWindow="0" yWindow="0" windowWidth="28800" windowHeight="12300" activeTab="1"/>
  </bookViews>
  <sheets>
    <sheet name="PAL Dordrecht" sheetId="1" r:id="rId1"/>
    <sheet name="Maasstad" sheetId="2" r:id="rId2"/>
    <sheet name="Pathan" sheetId="3" r:id="rId3"/>
  </sheets>
  <calcPr calcId="162913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12" uniqueCount="37">
  <si>
    <t>Aankomt</t>
  </si>
  <si>
    <t>Retour</t>
  </si>
  <si>
    <t xml:space="preserve">13:00 BOX 1
NB312 </t>
  </si>
  <si>
    <t>13:12 BOX 2 
NB 312</t>
  </si>
  <si>
    <t xml:space="preserve">Nog niet </t>
  </si>
  <si>
    <t>Nog niet</t>
  </si>
  <si>
    <t>BOX 1 en 2 
meegenomen</t>
  </si>
  <si>
    <t>Box 3</t>
  </si>
  <si>
    <t>BOX 2</t>
  </si>
  <si>
    <t>In het Erasmus</t>
  </si>
  <si>
    <t>In het Erasmus:</t>
  </si>
  <si>
    <t>BOX 2 en Box4</t>
  </si>
  <si>
    <t>Box 1</t>
  </si>
  <si>
    <t xml:space="preserve">BOX 3 </t>
  </si>
  <si>
    <t xml:space="preserve">BOX 1 </t>
  </si>
  <si>
    <t>BOX 3</t>
  </si>
  <si>
    <t>Box 2 (leeg)</t>
  </si>
  <si>
    <t>Box 2 en 3</t>
  </si>
  <si>
    <t>Box 4</t>
  </si>
  <si>
    <t>Box 2</t>
  </si>
  <si>
    <t>Box 1 (13-12)</t>
  </si>
  <si>
    <t>Box 3 (13-12)</t>
  </si>
  <si>
    <t>Box 1 en 3</t>
  </si>
  <si>
    <t>Box 2 en 4</t>
  </si>
  <si>
    <t>Week: 48</t>
  </si>
  <si>
    <t>Week: 49</t>
  </si>
  <si>
    <t>Week: 50</t>
  </si>
  <si>
    <t>Week: 51</t>
  </si>
  <si>
    <t>Week: 52</t>
  </si>
  <si>
    <t>Week: 1</t>
  </si>
  <si>
    <t>Week: 2</t>
  </si>
  <si>
    <t>Week: 3</t>
  </si>
  <si>
    <t>Week: 4</t>
  </si>
  <si>
    <t>140 Prep.</t>
  </si>
  <si>
    <t>90 Prep</t>
  </si>
  <si>
    <t>90 Prep.</t>
  </si>
  <si>
    <t>110 Prep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mc:Ignorable="x14ac x16r2">
  <fonts count="3">
    <font>
      <sz val="11"/>
      <color theme="1"/>
      <name val="Aptos Narrow"/>
      <family val="2"/>
      <scheme val="minor"/>
    </font>
    <font>
      <sz val="11"/>
      <name val="Aptos Narrow"/>
      <family val="2"/>
      <scheme val="minor"/>
    </font>
    <font>
      <b/>
      <sz val="11"/>
      <color theme="1"/>
      <name val="Aptos Narrow"/>
      <scheme val="minor"/>
    </font>
  </fonts>
  <fills count="3">
    <fill>
      <patternFill patternType="none"/>
    </fill>
    <fill>
      <patternFill patternType="gray125"/>
    </fill>
    <fill>
      <patternFill patternType="solid">
        <fgColor theme="2" tint="-9.9978637043366805E-2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0">
    <xf numFmtId="0" fontId="0" fillId="0" borderId="0" xfId="0"/>
    <xf numFmtId="14" fontId="0" fillId="0" borderId="0" xfId="0" applyNumberFormat="1"/>
    <xf numFmtId="0" fontId="0" fillId="0" borderId="0" xfId="0" applyAlignment="1">
      <alignment wrapText="1"/>
    </xf>
    <xf numFmtId="0" fontId="0" fillId="0" borderId="1" xfId="0" applyBorder="1"/>
    <xf numFmtId="0" fontId="1" fillId="0" borderId="1" xfId="0" applyFont="1" applyBorder="1"/>
    <xf numFmtId="0" fontId="0" fillId="0" borderId="1" xfId="0" applyBorder="1" applyAlignment="1">
      <alignment wrapText="1"/>
    </xf>
    <xf numFmtId="14" fontId="0" fillId="2" borderId="1" xfId="0" applyNumberFormat="1" applyFill="1" applyBorder="1"/>
    <xf numFmtId="0" fontId="0" fillId="2" borderId="1" xfId="0" applyFill="1" applyBorder="1"/>
    <xf numFmtId="0" fontId="2" fillId="0" borderId="0" xfId="0" applyFont="1"/>
    <xf numFmtId="16" fontId="0" fillId="0" borderId="0" xfId="0" applyNumberFormat="1"/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5.xml"/><Relationship Id="rId5" Type="http://schemas.openxmlformats.org/officeDocument/2006/relationships/styles" Target="styles.xml"/><Relationship Id="rId10" Type="http://schemas.openxmlformats.org/officeDocument/2006/relationships/customXml" Target="../customXml/item4.xml"/><Relationship Id="rId4" Type="http://schemas.openxmlformats.org/officeDocument/2006/relationships/theme" Target="theme/theme1.xml"/><Relationship Id="rId9" Type="http://schemas.openxmlformats.org/officeDocument/2006/relationships/customXml" Target="../customXml/item3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1:U19"/>
  <sheetViews>
    <sheetView workbookViewId="0">
      <selection activeCell="L28" sqref="L28"/>
    </sheetView>
  </sheetViews>
  <sheetFormatPr defaultRowHeight="14.25"/>
  <cols>
    <col min="2" max="2" width="13.375" customWidth="1"/>
    <col min="3" max="11" width="12.5" customWidth="1"/>
    <col min="12" max="12" width="13.875" customWidth="1"/>
    <col min="13" max="21" width="12.5" customWidth="1"/>
  </cols>
  <sheetData>
    <row r="1" spans="2:21" ht="27.75" customHeight="1"/>
    <row r="2" spans="2:21" ht="27.75" customHeight="1"/>
    <row r="3" spans="2:21" ht="27.75" customHeight="1">
      <c r="B3" s="7" t="s">
        <v>24</v>
      </c>
      <c r="C3" s="6">
        <v>45621</v>
      </c>
      <c r="D3" s="6">
        <v>45622</v>
      </c>
      <c r="E3" s="6">
        <v>45623</v>
      </c>
      <c r="F3" s="6">
        <v>45624</v>
      </c>
      <c r="G3" s="6">
        <v>45625</v>
      </c>
      <c r="H3" s="1"/>
      <c r="I3" s="6" t="s">
        <v>25</v>
      </c>
      <c r="J3" s="6">
        <v>45628</v>
      </c>
      <c r="K3" s="6">
        <v>45629</v>
      </c>
      <c r="L3" s="6">
        <v>45630</v>
      </c>
      <c r="M3" s="6">
        <v>45631</v>
      </c>
      <c r="N3" s="6">
        <v>45632</v>
      </c>
      <c r="O3" s="1"/>
      <c r="P3" s="6" t="s">
        <v>26</v>
      </c>
      <c r="Q3" s="6">
        <v>45635</v>
      </c>
      <c r="R3" s="6">
        <v>45636</v>
      </c>
      <c r="S3" s="6">
        <v>45637</v>
      </c>
      <c r="T3" s="6">
        <v>45638</v>
      </c>
      <c r="U3" s="6">
        <v>45639</v>
      </c>
    </row>
    <row r="4" spans="2:21" ht="27.75" customHeight="1">
      <c r="B4" s="3" t="s">
        <v>0</v>
      </c>
      <c r="C4" s="4"/>
      <c r="D4" s="3"/>
      <c r="E4" s="5" t="s">
        <v>2</v>
      </c>
      <c r="F4" s="5" t="s">
        <v>3</v>
      </c>
      <c r="G4" s="3" t="s">
        <v>7</v>
      </c>
      <c r="I4" s="3" t="s">
        <v>0</v>
      </c>
      <c r="J4" s="3" t="s">
        <v>8</v>
      </c>
      <c r="K4" s="3"/>
      <c r="L4" s="3" t="s">
        <v>12</v>
      </c>
      <c r="M4" s="3" t="s">
        <v>15</v>
      </c>
      <c r="N4" s="3"/>
      <c r="P4" s="3" t="s">
        <v>0</v>
      </c>
      <c r="Q4" s="3" t="s">
        <v>17</v>
      </c>
      <c r="R4" s="3" t="s">
        <v>12</v>
      </c>
      <c r="S4" s="3" t="s">
        <v>19</v>
      </c>
      <c r="T4" s="3"/>
      <c r="U4" s="3" t="s">
        <v>22</v>
      </c>
    </row>
    <row r="5" spans="2:21" ht="27.75" customHeight="1">
      <c r="B5" s="3" t="s">
        <v>1</v>
      </c>
      <c r="C5" s="3"/>
      <c r="D5" s="3"/>
      <c r="E5" s="3" t="s">
        <v>4</v>
      </c>
      <c r="F5" s="3" t="s">
        <v>5</v>
      </c>
      <c r="G5" s="5" t="s">
        <v>6</v>
      </c>
      <c r="I5" s="3" t="s">
        <v>1</v>
      </c>
      <c r="J5" s="3" t="s">
        <v>13</v>
      </c>
      <c r="K5" s="3"/>
      <c r="L5" s="3" t="s">
        <v>11</v>
      </c>
      <c r="M5" s="3" t="s">
        <v>14</v>
      </c>
      <c r="N5" s="3" t="s">
        <v>16</v>
      </c>
      <c r="P5" s="3" t="s">
        <v>1</v>
      </c>
      <c r="Q5" s="3" t="s">
        <v>18</v>
      </c>
      <c r="R5" s="3"/>
      <c r="S5" s="3" t="s">
        <v>12</v>
      </c>
      <c r="T5" s="3"/>
      <c r="U5" s="3" t="s">
        <v>23</v>
      </c>
    </row>
    <row r="6" spans="2:21" ht="27.75" customHeight="1"/>
    <row r="7" spans="2:21" ht="27.75" customHeight="1">
      <c r="B7" s="7" t="s">
        <v>27</v>
      </c>
      <c r="C7" s="6">
        <v>45642</v>
      </c>
      <c r="D7" s="6">
        <v>45643</v>
      </c>
      <c r="E7" s="6">
        <v>45644</v>
      </c>
      <c r="F7" s="6">
        <v>45645</v>
      </c>
      <c r="G7" s="6">
        <v>45646</v>
      </c>
      <c r="H7" s="1"/>
      <c r="I7" s="6" t="s">
        <v>28</v>
      </c>
      <c r="J7" s="6">
        <v>45649</v>
      </c>
      <c r="K7" s="6">
        <v>45650</v>
      </c>
      <c r="L7" s="6">
        <v>45651</v>
      </c>
      <c r="M7" s="6">
        <v>45652</v>
      </c>
      <c r="N7" s="6">
        <v>45653</v>
      </c>
      <c r="O7" s="1"/>
      <c r="P7" s="6" t="s">
        <v>29</v>
      </c>
      <c r="Q7" s="6">
        <v>45656</v>
      </c>
      <c r="R7" s="6">
        <v>45657</v>
      </c>
      <c r="S7" s="6">
        <v>45658</v>
      </c>
      <c r="T7" s="6">
        <v>45659</v>
      </c>
      <c r="U7" s="6">
        <v>45660</v>
      </c>
    </row>
    <row r="8" spans="2:21" ht="27.75" customHeight="1">
      <c r="B8" s="3" t="s">
        <v>0</v>
      </c>
      <c r="C8" s="3"/>
      <c r="D8" s="3"/>
      <c r="E8" s="3"/>
      <c r="F8" s="3"/>
      <c r="G8" s="3"/>
      <c r="I8" s="3" t="s">
        <v>0</v>
      </c>
      <c r="J8" s="3"/>
      <c r="K8" s="3"/>
      <c r="L8" s="3"/>
      <c r="M8" s="3"/>
      <c r="N8" s="3"/>
      <c r="P8" s="3" t="s">
        <v>0</v>
      </c>
      <c r="Q8" s="3"/>
      <c r="R8" s="3"/>
      <c r="S8" s="3"/>
      <c r="T8" s="3"/>
      <c r="U8" s="3"/>
    </row>
    <row r="9" spans="2:21" ht="27.75" customHeight="1">
      <c r="B9" s="3" t="s">
        <v>1</v>
      </c>
      <c r="C9" s="3"/>
      <c r="D9" s="3"/>
      <c r="E9" s="3"/>
      <c r="F9" s="3"/>
      <c r="G9" s="3"/>
      <c r="I9" s="3" t="s">
        <v>1</v>
      </c>
      <c r="J9" s="3"/>
      <c r="K9" s="3"/>
      <c r="L9" s="3"/>
      <c r="M9" s="3"/>
      <c r="N9" s="3"/>
      <c r="P9" s="3" t="s">
        <v>1</v>
      </c>
      <c r="Q9" s="3"/>
      <c r="R9" s="3"/>
      <c r="S9" s="3"/>
      <c r="T9" s="3"/>
      <c r="U9" s="3"/>
    </row>
    <row r="10" spans="2:21" ht="27.75" customHeight="1"/>
    <row r="11" spans="2:21" ht="27.75" customHeight="1">
      <c r="B11" s="7" t="s">
        <v>30</v>
      </c>
      <c r="C11" s="6">
        <v>45663</v>
      </c>
      <c r="D11" s="6">
        <v>45664</v>
      </c>
      <c r="E11" s="6">
        <v>45665</v>
      </c>
      <c r="F11" s="6">
        <v>45666</v>
      </c>
      <c r="G11" s="6">
        <v>45667</v>
      </c>
      <c r="H11" s="1"/>
      <c r="I11" s="6" t="s">
        <v>31</v>
      </c>
      <c r="J11" s="6">
        <v>45670</v>
      </c>
      <c r="K11" s="6">
        <v>45671</v>
      </c>
      <c r="L11" s="6">
        <v>45672</v>
      </c>
      <c r="M11" s="6">
        <v>45673</v>
      </c>
      <c r="N11" s="6">
        <v>45674</v>
      </c>
      <c r="O11" s="1"/>
      <c r="P11" s="6" t="s">
        <v>32</v>
      </c>
      <c r="Q11" s="6">
        <v>45677</v>
      </c>
      <c r="R11" s="6">
        <v>45678</v>
      </c>
      <c r="S11" s="6">
        <v>45679</v>
      </c>
      <c r="T11" s="6">
        <v>45680</v>
      </c>
      <c r="U11" s="6">
        <v>45681</v>
      </c>
    </row>
    <row r="12" spans="2:21" ht="27.75" customHeight="1">
      <c r="B12" s="3" t="s">
        <v>0</v>
      </c>
      <c r="C12" s="3"/>
      <c r="D12" s="3"/>
      <c r="E12" s="3"/>
      <c r="F12" s="3"/>
      <c r="G12" s="3"/>
      <c r="I12" s="3" t="s">
        <v>0</v>
      </c>
      <c r="J12" s="3"/>
      <c r="K12" s="3"/>
      <c r="L12" s="3"/>
      <c r="M12" s="3"/>
      <c r="N12" s="3"/>
      <c r="P12" s="3" t="s">
        <v>0</v>
      </c>
      <c r="Q12" s="3"/>
      <c r="R12" s="3"/>
      <c r="S12" s="3"/>
      <c r="T12" s="3"/>
      <c r="U12" s="3"/>
    </row>
    <row r="13" spans="2:21" ht="27.75" customHeight="1">
      <c r="B13" s="3" t="s">
        <v>1</v>
      </c>
      <c r="C13" s="3"/>
      <c r="D13" s="3"/>
      <c r="E13" s="3"/>
      <c r="F13" s="3"/>
      <c r="G13" s="3"/>
      <c r="I13" s="3" t="s">
        <v>1</v>
      </c>
      <c r="J13" s="3"/>
      <c r="K13" s="3"/>
      <c r="L13" s="3"/>
      <c r="M13" s="3"/>
      <c r="N13" s="3"/>
      <c r="P13" s="3" t="s">
        <v>1</v>
      </c>
      <c r="Q13" s="3"/>
      <c r="R13" s="3"/>
      <c r="S13" s="3"/>
      <c r="T13" s="3"/>
      <c r="U13" s="3"/>
    </row>
    <row r="17" spans="2:2" ht="15">
      <c r="B17" s="8" t="s">
        <v>10</v>
      </c>
    </row>
    <row r="18" spans="2:2">
      <c r="B18" t="s">
        <v>20</v>
      </c>
    </row>
    <row r="19" spans="2:2">
      <c r="B19" t="s">
        <v>21</v>
      </c>
    </row>
  </sheetData>
  <pageMargins left="0.7" right="0.7" top="0.75" bottom="0.75" header="0.3" footer="0.3"/>
  <pageSetup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3:U36"/>
  <sheetViews>
    <sheetView tabSelected="1" workbookViewId="0">
      <selection activeCell="D27" sqref="D27"/>
    </sheetView>
  </sheetViews>
  <sheetFormatPr defaultRowHeight="14.25"/>
  <cols>
    <col min="1" max="1" width="8" bestFit="1" customWidth="1"/>
    <col min="2" max="21" width="13.375" customWidth="1"/>
  </cols>
  <sheetData>
    <row r="3" spans="2:21" ht="26.25" customHeight="1">
      <c r="B3" s="7" t="s">
        <v>24</v>
      </c>
      <c r="C3" s="6">
        <v>45621</v>
      </c>
      <c r="D3" s="6">
        <v>45622</v>
      </c>
      <c r="E3" s="6">
        <v>45623</v>
      </c>
      <c r="F3" s="6">
        <v>45624</v>
      </c>
      <c r="G3" s="6">
        <v>45625</v>
      </c>
      <c r="H3" s="1"/>
      <c r="I3" s="6" t="s">
        <v>25</v>
      </c>
      <c r="J3" s="6">
        <v>45628</v>
      </c>
      <c r="K3" s="6">
        <v>45629</v>
      </c>
      <c r="L3" s="6">
        <v>45630</v>
      </c>
      <c r="M3" s="6">
        <v>45631</v>
      </c>
      <c r="N3" s="6">
        <v>45632</v>
      </c>
      <c r="O3" s="1"/>
      <c r="P3" s="6" t="s">
        <v>26</v>
      </c>
      <c r="Q3" s="6">
        <v>45635</v>
      </c>
      <c r="R3" s="6">
        <v>45636</v>
      </c>
      <c r="S3" s="6">
        <v>45637</v>
      </c>
      <c r="T3" s="6">
        <v>45638</v>
      </c>
      <c r="U3" s="6">
        <v>45639</v>
      </c>
    </row>
    <row r="4" spans="2:21" ht="26.25" customHeight="1">
      <c r="B4" s="3" t="s">
        <v>0</v>
      </c>
      <c r="C4" s="4"/>
      <c r="D4" s="3"/>
      <c r="E4" s="5"/>
      <c r="F4" s="5"/>
      <c r="G4" s="3" t="s">
        <v>33</v>
      </c>
      <c r="I4" s="3" t="s">
        <v>0</v>
      </c>
      <c r="J4" s="3"/>
      <c r="K4" s="3"/>
      <c r="L4" s="3"/>
      <c r="M4" s="3"/>
      <c r="N4" s="3"/>
      <c r="P4" s="3" t="s">
        <v>0</v>
      </c>
      <c r="Q4" s="3"/>
      <c r="R4" s="3"/>
      <c r="S4" s="3" t="s">
        <v>34</v>
      </c>
      <c r="T4" s="3"/>
      <c r="U4" s="3"/>
    </row>
    <row r="5" spans="2:21" ht="26.25" customHeight="1">
      <c r="B5" s="3" t="s">
        <v>1</v>
      </c>
      <c r="C5" s="3"/>
      <c r="D5" s="3"/>
      <c r="E5" s="3"/>
      <c r="F5" s="3"/>
      <c r="G5" s="5"/>
      <c r="I5" s="3" t="s">
        <v>1</v>
      </c>
      <c r="J5" s="3"/>
      <c r="K5" s="3"/>
      <c r="L5" s="3"/>
      <c r="M5" s="3"/>
      <c r="N5" s="3"/>
      <c r="P5" s="3" t="s">
        <v>1</v>
      </c>
      <c r="Q5" s="3"/>
      <c r="R5" s="3" t="s">
        <v>33</v>
      </c>
      <c r="S5" s="3"/>
      <c r="T5" s="3"/>
      <c r="U5" s="3"/>
    </row>
    <row r="6" spans="2:21" ht="26.25" customHeight="1"/>
    <row r="7" spans="2:21" ht="26.25" customHeight="1">
      <c r="B7" s="7" t="s">
        <v>27</v>
      </c>
      <c r="C7" s="6">
        <v>45642</v>
      </c>
      <c r="D7" s="6">
        <v>45643</v>
      </c>
      <c r="E7" s="6">
        <v>45644</v>
      </c>
      <c r="F7" s="6">
        <v>45645</v>
      </c>
      <c r="G7" s="6">
        <v>45646</v>
      </c>
      <c r="H7" s="1"/>
      <c r="I7" s="6" t="s">
        <v>28</v>
      </c>
      <c r="J7" s="6">
        <v>45649</v>
      </c>
      <c r="K7" s="6">
        <v>45650</v>
      </c>
      <c r="L7" s="6">
        <v>45651</v>
      </c>
      <c r="M7" s="6">
        <v>45652</v>
      </c>
      <c r="N7" s="6">
        <v>45653</v>
      </c>
      <c r="O7" s="1"/>
      <c r="P7" s="6" t="s">
        <v>29</v>
      </c>
      <c r="Q7" s="6">
        <v>45656</v>
      </c>
      <c r="R7" s="6">
        <v>45657</v>
      </c>
      <c r="S7" s="6">
        <v>45658</v>
      </c>
      <c r="T7" s="6">
        <v>45659</v>
      </c>
      <c r="U7" s="6">
        <v>45660</v>
      </c>
    </row>
    <row r="8" spans="2:21" ht="26.25" customHeight="1">
      <c r="B8" s="3" t="s">
        <v>0</v>
      </c>
      <c r="C8" s="3"/>
      <c r="D8" s="3"/>
      <c r="E8" s="3"/>
      <c r="F8" s="3"/>
      <c r="G8" s="3"/>
      <c r="I8" s="3" t="s">
        <v>0</v>
      </c>
      <c r="J8" s="3"/>
      <c r="K8" s="3"/>
      <c r="L8" s="3"/>
      <c r="M8" s="3"/>
      <c r="N8" s="3"/>
      <c r="P8" s="3" t="s">
        <v>0</v>
      </c>
      <c r="Q8" s="3"/>
      <c r="R8" s="3"/>
      <c r="S8" s="3"/>
      <c r="T8" s="3"/>
      <c r="U8" s="3"/>
    </row>
    <row r="9" spans="2:21" ht="26.25" customHeight="1">
      <c r="B9" s="3" t="s">
        <v>1</v>
      </c>
      <c r="C9" s="3"/>
      <c r="D9" s="3"/>
      <c r="E9" s="3"/>
      <c r="F9" s="3"/>
      <c r="G9" s="3"/>
      <c r="I9" s="3" t="s">
        <v>1</v>
      </c>
      <c r="J9" s="3"/>
      <c r="K9" s="3"/>
      <c r="L9" s="3"/>
      <c r="M9" s="3"/>
      <c r="N9" s="3"/>
      <c r="P9" s="3" t="s">
        <v>1</v>
      </c>
      <c r="Q9" s="3"/>
      <c r="R9" s="3"/>
      <c r="S9" s="3"/>
      <c r="T9" s="3"/>
      <c r="U9" s="3"/>
    </row>
    <row r="10" spans="2:21" ht="26.25" customHeight="1"/>
    <row r="11" spans="2:21" ht="26.25" customHeight="1">
      <c r="B11" s="7" t="s">
        <v>30</v>
      </c>
      <c r="C11" s="6">
        <v>45663</v>
      </c>
      <c r="D11" s="6">
        <v>45664</v>
      </c>
      <c r="E11" s="6">
        <v>45665</v>
      </c>
      <c r="F11" s="6">
        <v>45666</v>
      </c>
      <c r="G11" s="6">
        <v>45667</v>
      </c>
      <c r="H11" s="1"/>
      <c r="I11" s="6" t="s">
        <v>31</v>
      </c>
      <c r="J11" s="6">
        <v>45670</v>
      </c>
      <c r="K11" s="6">
        <v>45671</v>
      </c>
      <c r="L11" s="6">
        <v>45672</v>
      </c>
      <c r="M11" s="6">
        <v>45673</v>
      </c>
      <c r="N11" s="6">
        <v>45674</v>
      </c>
      <c r="O11" s="1"/>
      <c r="P11" s="6" t="s">
        <v>32</v>
      </c>
      <c r="Q11" s="6">
        <v>45677</v>
      </c>
      <c r="R11" s="6">
        <v>45678</v>
      </c>
      <c r="S11" s="6">
        <v>45679</v>
      </c>
      <c r="T11" s="6">
        <v>45680</v>
      </c>
      <c r="U11" s="6">
        <v>45681</v>
      </c>
    </row>
    <row r="12" spans="2:21" ht="26.25" customHeight="1">
      <c r="B12" s="3" t="s">
        <v>0</v>
      </c>
      <c r="C12" s="3"/>
      <c r="D12" s="3"/>
      <c r="E12" s="3"/>
      <c r="F12" s="3"/>
      <c r="G12" s="3"/>
      <c r="I12" s="3" t="s">
        <v>0</v>
      </c>
      <c r="J12" s="3"/>
      <c r="K12" s="3"/>
      <c r="L12" s="3"/>
      <c r="M12" s="3"/>
      <c r="N12" s="3"/>
      <c r="P12" s="3" t="s">
        <v>0</v>
      </c>
      <c r="Q12" s="3"/>
      <c r="R12" s="3"/>
      <c r="S12" s="3"/>
      <c r="T12" s="3"/>
      <c r="U12" s="3"/>
    </row>
    <row r="13" spans="2:21" ht="26.25" customHeight="1">
      <c r="B13" s="3" t="s">
        <v>1</v>
      </c>
      <c r="C13" s="3"/>
      <c r="D13" s="3"/>
      <c r="E13" s="3"/>
      <c r="F13" s="3"/>
      <c r="G13" s="3"/>
      <c r="I13" s="3" t="s">
        <v>1</v>
      </c>
      <c r="J13" s="3"/>
      <c r="K13" s="3"/>
      <c r="L13" s="3"/>
      <c r="M13" s="3"/>
      <c r="N13" s="3"/>
      <c r="P13" s="3" t="s">
        <v>1</v>
      </c>
      <c r="Q13" s="3"/>
      <c r="R13" s="3"/>
      <c r="S13" s="3"/>
      <c r="T13" s="3"/>
      <c r="U13" s="3"/>
    </row>
    <row r="19" spans="2:2" ht="15">
      <c r="B19" s="8" t="s">
        <v>10</v>
      </c>
    </row>
    <row r="20" spans="2:2">
      <c r="B20" s="2" t="s">
        <v>35</v>
      </c>
    </row>
    <row r="35" spans="6:8">
      <c r="F35" s="9"/>
      <c r="H35" s="9"/>
    </row>
    <row r="36" spans="6:8">
      <c r="F36" s="9"/>
      <c r="H36" s="9"/>
    </row>
  </sheetData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3:U38"/>
  <sheetViews>
    <sheetView workbookViewId="0">
      <selection activeCell="B19" sqref="B19"/>
    </sheetView>
  </sheetViews>
  <sheetFormatPr defaultRowHeight="14.25"/>
  <cols>
    <col min="1" max="1" width="8" bestFit="1" customWidth="1"/>
    <col min="2" max="2" width="13.75" customWidth="1"/>
    <col min="3" max="21" width="13.125" customWidth="1"/>
  </cols>
  <sheetData>
    <row r="3" spans="2:21" ht="25.5" customHeight="1">
      <c r="B3" s="7" t="s">
        <v>24</v>
      </c>
      <c r="C3" s="6">
        <v>45621</v>
      </c>
      <c r="D3" s="6">
        <v>45622</v>
      </c>
      <c r="E3" s="6">
        <v>45623</v>
      </c>
      <c r="F3" s="6">
        <v>45624</v>
      </c>
      <c r="G3" s="6">
        <v>45625</v>
      </c>
      <c r="H3" s="1"/>
      <c r="I3" s="6" t="s">
        <v>25</v>
      </c>
      <c r="J3" s="6">
        <v>45628</v>
      </c>
      <c r="K3" s="6">
        <v>45629</v>
      </c>
      <c r="L3" s="6">
        <v>45630</v>
      </c>
      <c r="M3" s="6">
        <v>45631</v>
      </c>
      <c r="N3" s="6">
        <v>45632</v>
      </c>
      <c r="O3" s="1"/>
      <c r="P3" s="6" t="s">
        <v>26</v>
      </c>
      <c r="Q3" s="6">
        <v>45635</v>
      </c>
      <c r="R3" s="6">
        <v>45636</v>
      </c>
      <c r="S3" s="6">
        <v>45637</v>
      </c>
      <c r="T3" s="6">
        <v>45638</v>
      </c>
      <c r="U3" s="6">
        <v>45639</v>
      </c>
    </row>
    <row r="4" spans="2:21" ht="25.5" customHeight="1">
      <c r="B4" s="3" t="s">
        <v>0</v>
      </c>
      <c r="C4" s="4"/>
      <c r="D4" s="3"/>
      <c r="E4" s="5"/>
      <c r="F4" s="5"/>
      <c r="G4" s="3" t="s">
        <v>36</v>
      </c>
      <c r="I4" s="3" t="s">
        <v>0</v>
      </c>
      <c r="J4" s="3"/>
      <c r="K4" s="3"/>
      <c r="L4" s="3"/>
      <c r="M4" s="3"/>
      <c r="N4" s="3"/>
      <c r="P4" s="3" t="s">
        <v>0</v>
      </c>
      <c r="Q4" s="3"/>
      <c r="R4" s="3"/>
      <c r="S4" s="3"/>
      <c r="T4" s="3"/>
      <c r="U4" s="3"/>
    </row>
    <row r="5" spans="2:21" ht="25.5" customHeight="1">
      <c r="B5" s="3" t="s">
        <v>1</v>
      </c>
      <c r="C5" s="3"/>
      <c r="D5" s="3"/>
      <c r="E5" s="3"/>
      <c r="F5" s="3"/>
      <c r="G5" s="5"/>
      <c r="I5" s="3" t="s">
        <v>1</v>
      </c>
      <c r="J5" s="3"/>
      <c r="K5" s="3"/>
      <c r="L5" s="3"/>
      <c r="M5" s="3"/>
      <c r="N5" s="3"/>
      <c r="P5" s="3" t="s">
        <v>1</v>
      </c>
      <c r="Q5" s="3"/>
      <c r="R5" s="3"/>
      <c r="S5" s="3"/>
      <c r="T5" s="3"/>
      <c r="U5" s="3" t="s">
        <v>36</v>
      </c>
    </row>
    <row r="6" spans="2:21" ht="25.5" customHeight="1"/>
    <row r="7" spans="2:21" ht="25.5" customHeight="1">
      <c r="B7" s="7" t="s">
        <v>27</v>
      </c>
      <c r="C7" s="6">
        <v>45642</v>
      </c>
      <c r="D7" s="6">
        <v>45643</v>
      </c>
      <c r="E7" s="6">
        <v>45644</v>
      </c>
      <c r="F7" s="6">
        <v>45645</v>
      </c>
      <c r="G7" s="6">
        <v>45646</v>
      </c>
      <c r="H7" s="1"/>
      <c r="I7" s="6" t="s">
        <v>28</v>
      </c>
      <c r="J7" s="6">
        <v>45649</v>
      </c>
      <c r="K7" s="6">
        <v>45650</v>
      </c>
      <c r="L7" s="6">
        <v>45651</v>
      </c>
      <c r="M7" s="6">
        <v>45652</v>
      </c>
      <c r="N7" s="6">
        <v>45653</v>
      </c>
      <c r="O7" s="1"/>
      <c r="P7" s="6" t="s">
        <v>29</v>
      </c>
      <c r="Q7" s="6">
        <v>45656</v>
      </c>
      <c r="R7" s="6">
        <v>45657</v>
      </c>
      <c r="S7" s="6">
        <v>45658</v>
      </c>
      <c r="T7" s="6">
        <v>45659</v>
      </c>
      <c r="U7" s="6">
        <v>45660</v>
      </c>
    </row>
    <row r="8" spans="2:21" ht="25.5" customHeight="1">
      <c r="B8" s="3" t="s">
        <v>0</v>
      </c>
      <c r="C8" s="3"/>
      <c r="D8" s="3"/>
      <c r="E8" s="3"/>
      <c r="F8" s="3"/>
      <c r="G8" s="3"/>
      <c r="I8" s="3" t="s">
        <v>0</v>
      </c>
      <c r="J8" s="3"/>
      <c r="K8" s="3"/>
      <c r="L8" s="3"/>
      <c r="M8" s="3"/>
      <c r="N8" s="3"/>
      <c r="P8" s="3" t="s">
        <v>0</v>
      </c>
      <c r="Q8" s="3"/>
      <c r="R8" s="3"/>
      <c r="S8" s="3"/>
      <c r="T8" s="3"/>
      <c r="U8" s="3"/>
    </row>
    <row r="9" spans="2:21" ht="25.5" customHeight="1">
      <c r="B9" s="3" t="s">
        <v>1</v>
      </c>
      <c r="C9" s="3"/>
      <c r="D9" s="3"/>
      <c r="E9" s="3"/>
      <c r="F9" s="3"/>
      <c r="G9" s="3"/>
      <c r="I9" s="3" t="s">
        <v>1</v>
      </c>
      <c r="J9" s="3"/>
      <c r="K9" s="3"/>
      <c r="L9" s="3"/>
      <c r="M9" s="3"/>
      <c r="N9" s="3"/>
      <c r="P9" s="3" t="s">
        <v>1</v>
      </c>
      <c r="Q9" s="3"/>
      <c r="R9" s="3"/>
      <c r="S9" s="3"/>
      <c r="T9" s="3"/>
      <c r="U9" s="3"/>
    </row>
    <row r="10" spans="2:21" ht="25.5" customHeight="1"/>
    <row r="11" spans="2:21" ht="25.5" customHeight="1">
      <c r="B11" s="7" t="s">
        <v>30</v>
      </c>
      <c r="C11" s="6">
        <v>45663</v>
      </c>
      <c r="D11" s="6">
        <v>45664</v>
      </c>
      <c r="E11" s="6">
        <v>45665</v>
      </c>
      <c r="F11" s="6">
        <v>45666</v>
      </c>
      <c r="G11" s="6">
        <v>45667</v>
      </c>
      <c r="H11" s="1"/>
      <c r="I11" s="6" t="s">
        <v>31</v>
      </c>
      <c r="J11" s="6">
        <v>45670</v>
      </c>
      <c r="K11" s="6">
        <v>45671</v>
      </c>
      <c r="L11" s="6">
        <v>45672</v>
      </c>
      <c r="M11" s="6">
        <v>45673</v>
      </c>
      <c r="N11" s="6">
        <v>45674</v>
      </c>
      <c r="O11" s="1"/>
      <c r="P11" s="6" t="s">
        <v>32</v>
      </c>
      <c r="Q11" s="6">
        <v>45677</v>
      </c>
      <c r="R11" s="6">
        <v>45678</v>
      </c>
      <c r="S11" s="6">
        <v>45679</v>
      </c>
      <c r="T11" s="6">
        <v>45680</v>
      </c>
      <c r="U11" s="6">
        <v>45681</v>
      </c>
    </row>
    <row r="12" spans="2:21" ht="25.5" customHeight="1">
      <c r="B12" s="3" t="s">
        <v>0</v>
      </c>
      <c r="C12" s="3"/>
      <c r="D12" s="3"/>
      <c r="E12" s="3"/>
      <c r="F12" s="3"/>
      <c r="G12" s="3"/>
      <c r="I12" s="3" t="s">
        <v>0</v>
      </c>
      <c r="J12" s="3"/>
      <c r="K12" s="3"/>
      <c r="L12" s="3"/>
      <c r="M12" s="3"/>
      <c r="N12" s="3"/>
      <c r="P12" s="3" t="s">
        <v>0</v>
      </c>
      <c r="Q12" s="3"/>
      <c r="R12" s="3"/>
      <c r="S12" s="3"/>
      <c r="T12" s="3"/>
      <c r="U12" s="3"/>
    </row>
    <row r="13" spans="2:21" ht="25.5" customHeight="1">
      <c r="B13" s="3" t="s">
        <v>1</v>
      </c>
      <c r="C13" s="3"/>
      <c r="D13" s="3"/>
      <c r="E13" s="3"/>
      <c r="F13" s="3"/>
      <c r="G13" s="3"/>
      <c r="I13" s="3" t="s">
        <v>1</v>
      </c>
      <c r="J13" s="3"/>
      <c r="K13" s="3"/>
      <c r="L13" s="3"/>
      <c r="M13" s="3"/>
      <c r="N13" s="3"/>
      <c r="P13" s="3" t="s">
        <v>1</v>
      </c>
      <c r="Q13" s="3"/>
      <c r="R13" s="3"/>
      <c r="S13" s="3"/>
      <c r="T13" s="3"/>
      <c r="U13" s="3"/>
    </row>
    <row r="19" spans="2:2" ht="15">
      <c r="B19" s="8" t="s">
        <v>9</v>
      </c>
    </row>
    <row r="37" spans="6:6">
      <c r="F37" s="9"/>
    </row>
    <row r="38" spans="6:6">
      <c r="F38" s="9"/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8824ba61-c460-4ca0-8706-199bbb3141a6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BC02A36A3A7074D8C435E7ACD14AE93" ma:contentTypeVersion="15" ma:contentTypeDescription="Een nieuw document maken." ma:contentTypeScope="" ma:versionID="f91fa28d086059bc129e2aae9c688304">
  <xsd:schema xmlns:xsd="http://www.w3.org/2001/XMLSchema" xmlns:xs="http://www.w3.org/2001/XMLSchema" xmlns:p="http://schemas.microsoft.com/office/2006/metadata/properties" xmlns:ns3="8824ba61-c460-4ca0-8706-199bbb3141a6" xmlns:ns4="10f0c05b-7620-4295-86fa-c5e5cc33d0ae" targetNamespace="http://schemas.microsoft.com/office/2006/metadata/properties" ma:root="true" ma:fieldsID="b14583cb56062d00516c5d60c6aef7d4" ns3:_="" ns4:_="">
    <xsd:import namespace="8824ba61-c460-4ca0-8706-199bbb3141a6"/>
    <xsd:import namespace="10f0c05b-7620-4295-86fa-c5e5cc33d0ae"/>
    <xsd:element name="properties">
      <xsd:complexType>
        <xsd:sequence>
          <xsd:element name="documentManagement">
            <xsd:complexType>
              <xsd:all>
                <xsd:element ref="ns3:MediaServiceDateTaken" minOccurs="0"/>
                <xsd:element ref="ns3:_activity" minOccurs="0"/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ObjectDetectorVersions" minOccurs="0"/>
                <xsd:element ref="ns3:MediaServiceSystemTags" minOccurs="0"/>
                <xsd:element ref="ns3:MediaServiceGenerationTime" minOccurs="0"/>
                <xsd:element ref="ns3:MediaServiceEventHashCode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Location" minOccurs="0"/>
                <xsd:element ref="ns3:MediaLengthInSeconds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824ba61-c460-4ca0-8706-199bbb3141a6" elementFormDefault="qualified">
    <xsd:import namespace="http://schemas.microsoft.com/office/2006/documentManagement/types"/>
    <xsd:import namespace="http://schemas.microsoft.com/office/infopath/2007/PartnerControls"/>
    <xsd:element name="MediaServiceDateTaken" ma:index="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_activity" ma:index="9" nillable="true" ma:displayName="_activity" ma:hidden="true" ma:internalName="_activity">
      <xsd:simpleType>
        <xsd:restriction base="dms:Note"/>
      </xsd:simpleType>
    </xsd:element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ystemTags" ma:index="14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f0c05b-7620-4295-86fa-c5e5cc33d0ae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9" nillable="true" ma:displayName="Hint-hash delen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7BDFBEA-AC99-494E-B4AC-B406D5E20D32}">
  <ds:schemaRefs/>
</ds:datastoreItem>
</file>

<file path=customXml/itemProps2.xml><?xml version="1.0" encoding="utf-8"?>
<ds:datastoreItem xmlns:ds="http://schemas.openxmlformats.org/officeDocument/2006/customXml" ds:itemID="{18D3DF28-47D0-48B7-BD03-377A180A4444}">
  <ds:schemaRefs>
    <ds:schemaRef ds:uri="http://purl.org/dc/terms/"/>
    <ds:schemaRef ds:uri="8824ba61-c460-4ca0-8706-199bbb3141a6"/>
    <ds:schemaRef ds:uri="http://schemas.microsoft.com/office/2006/documentManagement/types"/>
    <ds:schemaRef ds:uri="http://purl.org/dc/elements/1.1/"/>
    <ds:schemaRef ds:uri="http://schemas.openxmlformats.org/package/2006/metadata/core-properties"/>
    <ds:schemaRef ds:uri="http://schemas.microsoft.com/office/infopath/2007/PartnerControls"/>
    <ds:schemaRef ds:uri="10f0c05b-7620-4295-86fa-c5e5cc33d0ae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BFF10437-A633-4034-AFB3-7CFDD7EC61F7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3D4706C0-F0DC-4AD7-B424-4A690F8C64E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824ba61-c460-4ca0-8706-199bbb3141a6"/>
    <ds:schemaRef ds:uri="10f0c05b-7620-4295-86fa-c5e5cc33d0a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AA36A76-3B54-468A-BBF8-2CAC56C267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3</vt:i4>
      </vt:variant>
    </vt:vector>
  </HeadingPairs>
  <TitlesOfParts>
    <vt:vector size="3" baseType="lpstr">
      <vt:lpstr>PAL Dordrecht</vt:lpstr>
      <vt:lpstr>Maasstad</vt:lpstr>
      <vt:lpstr>Pathan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8-01T08:32:15Z</dcterms:created>
  <dcterms:modified xsi:type="dcterms:W3CDTF">2024-12-20T14:51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970965601778925958</vt:lpwstr>
  </property>
  <property fmtid="{D5CDD505-2E9C-101B-9397-08002B2CF9AE}" pid="4" name="TemplafyUserProfileId">
    <vt:lpwstr>900562748040806413</vt:lpwstr>
  </property>
  <property fmtid="{D5CDD505-2E9C-101B-9397-08002B2CF9AE}" pid="5" name="TemplafyFromBlank">
    <vt:bool>true</vt:bool>
  </property>
  <property fmtid="{D5CDD505-2E9C-101B-9397-08002B2CF9AE}" pid="6" name="ContentTypeId">
    <vt:lpwstr>0x0101006BC02A36A3A7074D8C435E7ACD14AE93</vt:lpwstr>
  </property>
</Properties>
</file>